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i093021\Desktop\"/>
    </mc:Choice>
  </mc:AlternateContent>
  <bookViews>
    <workbookView xWindow="600" yWindow="105" windowWidth="19395" windowHeight="7845"/>
  </bookViews>
  <sheets>
    <sheet name="観光施設" sheetId="2" r:id="rId1"/>
  </sheets>
  <calcPr calcId="145621"/>
</workbook>
</file>

<file path=xl/sharedStrings.xml><?xml version="1.0" encoding="utf-8"?>
<sst xmlns="http://schemas.openxmlformats.org/spreadsheetml/2006/main" count="59" uniqueCount="55">
  <si>
    <t>名称</t>
    <rPh sb="0" eb="2">
      <t>メイショウ</t>
    </rPh>
    <phoneticPr fontId="1"/>
  </si>
  <si>
    <t>概要</t>
    <rPh sb="0" eb="2">
      <t>ガイヨウ</t>
    </rPh>
    <phoneticPr fontId="1"/>
  </si>
  <si>
    <t>定休日</t>
  </si>
  <si>
    <t>お問い合わせ先</t>
  </si>
  <si>
    <t>料金</t>
    <rPh sb="0" eb="2">
      <t>リョウキン</t>
    </rPh>
    <phoneticPr fontId="1"/>
  </si>
  <si>
    <t>公式ホームページ</t>
  </si>
  <si>
    <t>新湊弁財天・展望台</t>
  </si>
  <si>
    <t>新湊弁財天は、平和と港の守護の願いを込めて建立されたもので、
高さ15ｍの高純度のアルミ製で、アルミ製では日本一と言われています。
また、同じ場所に高さは19.5ｍの展望台があり、富山新港・立山連峰を望むことができます。</t>
    <phoneticPr fontId="1"/>
  </si>
  <si>
    <t>住所</t>
    <phoneticPr fontId="1"/>
  </si>
  <si>
    <t>射水市片口</t>
  </si>
  <si>
    <t>営業時間</t>
    <phoneticPr fontId="1"/>
  </si>
  <si>
    <t xml:space="preserve">展望台　8：30～16：30 </t>
    <phoneticPr fontId="1"/>
  </si>
  <si>
    <t>展望台　12月29日～翌年の2月末日</t>
  </si>
  <si>
    <t>無料</t>
    <rPh sb="0" eb="2">
      <t>ムリョウ</t>
    </rPh>
    <phoneticPr fontId="1"/>
  </si>
  <si>
    <t>TEL　0766-84-8292　FAX　0766-84-8294 　（富山県富山新港管理局）</t>
  </si>
  <si>
    <t>竹内源造記念館</t>
    <phoneticPr fontId="1"/>
  </si>
  <si>
    <t>竹内源造は、小杉地区出身の漆喰彫刻家で、絵画と彫刻の特質を併せ持った作品を多く残しています。竹内源造記念館は、昭和9年に旧小杉町役場として建てられた建物をそのまま利用して、平成13年に開館しました。</t>
  </si>
  <si>
    <t>午前９時～午後５時まで（入館は午後４時３０分まで）</t>
  </si>
  <si>
    <t xml:space="preserve">月曜日および祝日の翌日（ただし、祝日が土曜、日曜の場合は開館）、年末年始 </t>
  </si>
  <si>
    <t>入館無料</t>
    <rPh sb="0" eb="2">
      <t>ニュウカン</t>
    </rPh>
    <rPh sb="2" eb="4">
      <t>ムリョウ</t>
    </rPh>
    <phoneticPr fontId="1"/>
  </si>
  <si>
    <t>0766-55-3288（竹内源造記念館）</t>
  </si>
  <si>
    <t>小杉展示館</t>
  </si>
  <si>
    <t>「小杉貯金銀行」の社屋として、明治44(1911）年に新築されました。黒漆喰で塗り上げられた土蔵造りの建物には明治後期の洋風建築が取り入れられています。</t>
  </si>
  <si>
    <t xml:space="preserve">9：00～17：00 </t>
  </si>
  <si>
    <t xml:space="preserve">月曜日（祝日の時は翌日）　年末年始（12月29日～1月3日） </t>
  </si>
  <si>
    <t>0766-55-3338 （小杉展示館）</t>
  </si>
  <si>
    <t>無料（企画展などの開催期間中は入場料を徴収する場合があります。）</t>
  </si>
  <si>
    <t>小杉展示館 http://kosugitenjikan.web.fc2.com/</t>
  </si>
  <si>
    <t>射水市下村民俗資料館</t>
  </si>
  <si>
    <t>この民俗資料館は、明治初期に建築された館哲二氏（元知事・参議院議員）所有の米倉を移築したものです。クサマキで造られた貴重な珍しい建物です。館内には、祖先が苦労して米作りに励んだ湿田農業の農機具や、当時の生活必需品等が展示してあります。</t>
  </si>
  <si>
    <t>正力・小林記念館</t>
  </si>
  <si>
    <t>プロ野球の創設と育成、カラーテレビの普及発達に偉大な手腕を発揮した正力松太郎氏と、その後継者で、日本テレビの経営建て直しと読売新聞の発行部数を世界一にした小林與三次氏の収蔵品が100点近く展示されています。</t>
    <phoneticPr fontId="1"/>
  </si>
  <si>
    <t>10:00～16:00</t>
  </si>
  <si>
    <t>毎週月曜日、祝日の翌日、年末年始（12/29～1/3）</t>
  </si>
  <si>
    <t>TEL 0766-52-0564　FAX 0766-52-0976 （大門総合会館）</t>
  </si>
  <si>
    <t>大伴二三彌ステンドグラス記念館</t>
  </si>
  <si>
    <t>櫛田神社の社殿に寄り添って立つ大伴二三彌ステンドグラス記念館には「森のオキテ」「追憶の杜」をはじめ約40点の作品が展示。</t>
  </si>
  <si>
    <t xml:space="preserve">随時 </t>
  </si>
  <si>
    <t>TEL 0766-54-1733（櫛田神社社務所）</t>
  </si>
  <si>
    <t>新湊博物館</t>
  </si>
  <si>
    <t>江戸時代後期に射水市高木に生まれた算学家・石黒信由を中心に、以下4代にわたる膨大な国指定重要文化財（和算・測量・器具・地図・諸記録など3,765点）と陶芸家で、人間国宝第1号認定（昭和30年）の石黒宗麿（射水市久々湊出身）の名品などを蔵しています。</t>
  </si>
  <si>
    <t xml:space="preserve">9:00～17:00（入館は16:30まで） </t>
  </si>
  <si>
    <t>火曜日、祝日の翌日（土日の場合は開館）、年末年始（12/28～1/4）</t>
  </si>
  <si>
    <t xml:space="preserve">310円（65歳以上・障害のある方 150円）　※中学生以下無料 </t>
  </si>
  <si>
    <t>TEL 0766-83-0800　FAX 0766-83-0802 （新湊博物館）</t>
  </si>
  <si>
    <t>新湊博物館 http://www.city.imizu.toyama.jp/museum/</t>
  </si>
  <si>
    <t>あいの風プロムナード</t>
    <phoneticPr fontId="1"/>
  </si>
  <si>
    <t>新湊大橋の下層を通る歩行者通路です。歩行者専用通路「あいの風プロムナード」からは、富山湾、射水平野、船が行きかう富山新港などをの景色を楽しんでいただけます。※悪天候により交通規制を行う場合があります。</t>
    <phoneticPr fontId="1"/>
  </si>
  <si>
    <t>午前6時～午後8時（11～4月）、午前6時～午後9時（5～10月）</t>
    <phoneticPr fontId="1"/>
  </si>
  <si>
    <t>射水市戸破2289-1</t>
    <phoneticPr fontId="1"/>
  </si>
  <si>
    <t>射水市戸破４２８６－１</t>
    <phoneticPr fontId="1"/>
  </si>
  <si>
    <t>射水市加茂中部827-1</t>
    <phoneticPr fontId="1"/>
  </si>
  <si>
    <t>射水市大門67（大門総合会館内）</t>
    <phoneticPr fontId="1"/>
  </si>
  <si>
    <t>射水市串田6841</t>
    <phoneticPr fontId="1"/>
  </si>
  <si>
    <t xml:space="preserve">射水市鏡宮299（カモンパーク新湊 隣） </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 x14ac:knownFonts="1">
    <font>
      <sz val="11"/>
      <color theme="1"/>
      <name val="ＭＳ Ｐゴシック"/>
      <family val="2"/>
      <charset val="128"/>
      <scheme val="minor"/>
    </font>
    <font>
      <sz val="6"/>
      <name val="ＭＳ Ｐゴシック"/>
      <family val="2"/>
      <charset val="128"/>
      <scheme val="minor"/>
    </font>
  </fonts>
  <fills count="2">
    <fill>
      <patternFill patternType="none"/>
    </fill>
    <fill>
      <patternFill patternType="gray125"/>
    </fill>
  </fills>
  <borders count="1">
    <border>
      <left/>
      <right/>
      <top/>
      <bottom/>
      <diagonal/>
    </border>
  </borders>
  <cellStyleXfs count="1">
    <xf numFmtId="0" fontId="0" fillId="0" borderId="0">
      <alignment vertical="center"/>
    </xf>
  </cellStyleXfs>
  <cellXfs count="2">
    <xf numFmtId="0" fontId="0" fillId="0" borderId="0" xfId="0">
      <alignment vertical="center"/>
    </xf>
    <xf numFmtId="0" fontId="0" fillId="0" borderId="0" xfId="0" applyAlignment="1">
      <alignmen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9"/>
  <sheetViews>
    <sheetView tabSelected="1" workbookViewId="0">
      <selection activeCell="C9" sqref="C9"/>
    </sheetView>
  </sheetViews>
  <sheetFormatPr defaultRowHeight="13.5" x14ac:dyDescent="0.15"/>
  <cols>
    <col min="1" max="2" width="20.625" style="1" customWidth="1"/>
    <col min="3" max="8" width="15.625" style="1" customWidth="1"/>
  </cols>
  <sheetData>
    <row r="1" spans="1:8" x14ac:dyDescent="0.15">
      <c r="A1" s="1" t="s">
        <v>0</v>
      </c>
      <c r="B1" s="1" t="s">
        <v>1</v>
      </c>
      <c r="C1" s="1" t="s">
        <v>8</v>
      </c>
      <c r="D1" s="1" t="s">
        <v>10</v>
      </c>
      <c r="E1" s="1" t="s">
        <v>2</v>
      </c>
      <c r="F1" s="1" t="s">
        <v>4</v>
      </c>
      <c r="G1" s="1" t="s">
        <v>3</v>
      </c>
      <c r="H1" s="1" t="s">
        <v>5</v>
      </c>
    </row>
    <row r="2" spans="1:8" ht="148.5" x14ac:dyDescent="0.15">
      <c r="A2" s="1" t="s">
        <v>6</v>
      </c>
      <c r="B2" s="1" t="s">
        <v>7</v>
      </c>
      <c r="C2" s="1" t="s">
        <v>9</v>
      </c>
      <c r="D2" s="1" t="s">
        <v>11</v>
      </c>
      <c r="E2" s="1" t="s">
        <v>12</v>
      </c>
      <c r="F2" s="1" t="s">
        <v>13</v>
      </c>
      <c r="G2" s="1" t="s">
        <v>14</v>
      </c>
    </row>
    <row r="3" spans="1:8" ht="121.5" x14ac:dyDescent="0.15">
      <c r="A3" s="1" t="s">
        <v>15</v>
      </c>
      <c r="B3" s="1" t="s">
        <v>16</v>
      </c>
      <c r="C3" s="1" t="s">
        <v>49</v>
      </c>
      <c r="D3" s="1" t="s">
        <v>17</v>
      </c>
      <c r="E3" s="1" t="s">
        <v>18</v>
      </c>
      <c r="F3" s="1" t="s">
        <v>19</v>
      </c>
      <c r="G3" s="1" t="s">
        <v>20</v>
      </c>
    </row>
    <row r="4" spans="1:8" ht="94.5" x14ac:dyDescent="0.15">
      <c r="A4" s="1" t="s">
        <v>21</v>
      </c>
      <c r="B4" s="1" t="s">
        <v>22</v>
      </c>
      <c r="C4" s="1" t="s">
        <v>50</v>
      </c>
      <c r="D4" s="1" t="s">
        <v>23</v>
      </c>
      <c r="E4" s="1" t="s">
        <v>24</v>
      </c>
      <c r="F4" s="1" t="s">
        <v>26</v>
      </c>
      <c r="G4" s="1" t="s">
        <v>25</v>
      </c>
      <c r="H4" s="1" t="s">
        <v>27</v>
      </c>
    </row>
    <row r="5" spans="1:8" ht="148.5" x14ac:dyDescent="0.15">
      <c r="A5" s="1" t="s">
        <v>28</v>
      </c>
      <c r="B5" s="1" t="s">
        <v>29</v>
      </c>
      <c r="C5" s="1" t="s">
        <v>51</v>
      </c>
    </row>
    <row r="6" spans="1:8" ht="135" x14ac:dyDescent="0.15">
      <c r="A6" s="1" t="s">
        <v>30</v>
      </c>
      <c r="B6" s="1" t="s">
        <v>31</v>
      </c>
      <c r="C6" s="1" t="s">
        <v>52</v>
      </c>
      <c r="D6" s="1" t="s">
        <v>32</v>
      </c>
      <c r="E6" s="1" t="s">
        <v>33</v>
      </c>
      <c r="F6" s="1" t="s">
        <v>13</v>
      </c>
      <c r="G6" s="1" t="s">
        <v>34</v>
      </c>
    </row>
    <row r="7" spans="1:8" ht="81" x14ac:dyDescent="0.15">
      <c r="A7" s="1" t="s">
        <v>35</v>
      </c>
      <c r="B7" s="1" t="s">
        <v>36</v>
      </c>
      <c r="C7" s="1" t="s">
        <v>53</v>
      </c>
      <c r="D7" s="1" t="s">
        <v>37</v>
      </c>
      <c r="E7" s="1" t="s">
        <v>37</v>
      </c>
      <c r="F7" s="1" t="s">
        <v>13</v>
      </c>
      <c r="G7" s="1" t="s">
        <v>38</v>
      </c>
    </row>
    <row r="8" spans="1:8" ht="148.5" x14ac:dyDescent="0.15">
      <c r="A8" s="1" t="s">
        <v>39</v>
      </c>
      <c r="B8" s="1" t="s">
        <v>40</v>
      </c>
      <c r="C8" s="1" t="s">
        <v>54</v>
      </c>
      <c r="D8" s="1" t="s">
        <v>41</v>
      </c>
      <c r="E8" s="1" t="s">
        <v>42</v>
      </c>
      <c r="F8" s="1" t="s">
        <v>43</v>
      </c>
      <c r="G8" s="1" t="s">
        <v>44</v>
      </c>
      <c r="H8" s="1" t="s">
        <v>45</v>
      </c>
    </row>
    <row r="9" spans="1:8" ht="135" x14ac:dyDescent="0.15">
      <c r="A9" s="1" t="s">
        <v>46</v>
      </c>
      <c r="B9" s="1" t="s">
        <v>47</v>
      </c>
      <c r="D9" s="1" t="s">
        <v>48</v>
      </c>
      <c r="F9" s="1" t="s">
        <v>13</v>
      </c>
    </row>
  </sheetData>
  <phoneticPr fontId="1"/>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観光施設</vt:lpstr>
    </vt:vector>
  </TitlesOfParts>
  <Company>Toshib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近岡 良祐</dc:creator>
  <cp:lastModifiedBy>近岡 良祐</cp:lastModifiedBy>
  <dcterms:created xsi:type="dcterms:W3CDTF">2018-07-04T01:15:28Z</dcterms:created>
  <dcterms:modified xsi:type="dcterms:W3CDTF">2018-07-05T02:48:42Z</dcterms:modified>
</cp:coreProperties>
</file>